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7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2\meny\"/>
    </mc:Choice>
  </mc:AlternateContent>
  <xr:revisionPtr revIDLastSave="0" documentId="13_ncr:1_{62CB4E33-7D15-4CB6-8273-FE90865E5D41}" xr6:coauthVersionLast="36" xr6:coauthVersionMax="47" xr10:uidLastSave="{00000000-0000-0000-0000-000000000000}"/>
  <bookViews>
    <workbookView xWindow="3930" yWindow="2340" windowWidth="23670" windowHeight="12750" activeTab="1" xr2:uid="{00000000-000D-0000-FFFF-FFFF00000000}"/>
  </bookViews>
  <sheets>
    <sheet name="Employee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39" uniqueCount="54">
  <si>
    <t xml:space="preserve">               </t>
  </si>
  <si>
    <t xml:space="preserve">徳泉           </t>
  </si>
  <si>
    <t xml:space="preserve">0000000   </t>
  </si>
  <si>
    <t xml:space="preserve">柴田           </t>
  </si>
  <si>
    <t xml:space="preserve">郷野           </t>
  </si>
  <si>
    <t xml:space="preserve">水谷           </t>
  </si>
  <si>
    <t xml:space="preserve">宮下           </t>
  </si>
  <si>
    <t xml:space="preserve">下苧坪         </t>
  </si>
  <si>
    <t xml:space="preserve">二瀬           </t>
  </si>
  <si>
    <t xml:space="preserve">神尾           </t>
  </si>
  <si>
    <t xml:space="preserve">松永           </t>
  </si>
  <si>
    <t xml:space="preserve">社員           </t>
  </si>
  <si>
    <t xml:space="preserve">倉橋           </t>
  </si>
  <si>
    <t xml:space="preserve">大山           </t>
  </si>
  <si>
    <t xml:space="preserve">野村           </t>
  </si>
  <si>
    <t xml:space="preserve">西川           </t>
  </si>
  <si>
    <t xml:space="preserve">東             </t>
  </si>
  <si>
    <t xml:space="preserve">森             </t>
  </si>
  <si>
    <t xml:space="preserve">東田           </t>
  </si>
  <si>
    <t xml:space="preserve">店長           </t>
  </si>
  <si>
    <t>ID</t>
  </si>
  <si>
    <t>Code</t>
  </si>
  <si>
    <t>Myouji</t>
  </si>
  <si>
    <t>Namae</t>
  </si>
  <si>
    <t>MyoujiF</t>
  </si>
  <si>
    <t>NamaeF</t>
  </si>
  <si>
    <t>Informal</t>
  </si>
  <si>
    <t>BirthDay</t>
  </si>
  <si>
    <t>SEX</t>
  </si>
  <si>
    <t>PostalCode</t>
  </si>
  <si>
    <t>Address1</t>
  </si>
  <si>
    <t>Address2</t>
  </si>
  <si>
    <t>Address3</t>
  </si>
  <si>
    <t>TEL</t>
  </si>
  <si>
    <t>Cellular</t>
  </si>
  <si>
    <t>eMail1</t>
  </si>
  <si>
    <t>eMail2</t>
  </si>
  <si>
    <t>MemoData</t>
  </si>
  <si>
    <t>Level</t>
  </si>
  <si>
    <t>Executive</t>
  </si>
  <si>
    <t>RegistDay</t>
  </si>
  <si>
    <t>RefixDay</t>
  </si>
  <si>
    <t>Status</t>
  </si>
  <si>
    <t>Time1</t>
  </si>
  <si>
    <t>Time2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22" fontId="0" fillId="0" borderId="0" xfId="0" applyNumberFormat="1">
      <alignment vertical="center"/>
    </xf>
    <xf numFmtId="0" fontId="0" fillId="0" borderId="0" xfId="0" quotePrefix="1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EDD4BE36-7C95-4EFB-852C-F297BDDC9A5D}" name="テーブル1" displayName="テーブル1" ref="A1:F51" totalsRowShown="0">
  <autoFilter ref="A1:F51" xr:uid="{D08285C4-EE9B-4706-933E-010B33A81C97}"/>
  <tableColumns count="6">
    <tableColumn id="1" xr3:uid="{D8504E5D-E3DE-4400-B04E-3125FC82EBD9}" name="ID"/>
    <tableColumn id="2" xr3:uid="{4D91553E-B8B7-4F56-B03B-6F6AB6C94DBF}" name="TERMINATOR"/>
    <tableColumn id="3" xr3:uid="{BEEBDFDF-0A16-48F7-904A-B2A225720755}" name="MAX_LENGTH"/>
    <tableColumn id="4" xr3:uid="{5A95CEAF-AD85-4B88-8E94-3EA592A53434}" name="COLLATION"/>
    <tableColumn id="5" xr3:uid="{9EAFA7D9-034D-4174-994D-19580721FB1F}" name="SOURCE"/>
    <tableColumn id="6" xr3:uid="{BF71C9A4-8D6A-4C92-B3F9-44CC048C0D1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Y37"/>
  <sheetViews>
    <sheetView workbookViewId="0">
      <selection sqref="A1:Y1"/>
    </sheetView>
  </sheetViews>
  <sheetFormatPr defaultRowHeight="18.75" x14ac:dyDescent="0.4"/>
  <cols>
    <col min="8" max="8" width="13.625" bestFit="1" customWidth="1"/>
    <col min="21" max="21" width="13.625" bestFit="1" customWidth="1"/>
    <col min="22" max="22" width="16.875" bestFit="1" customWidth="1"/>
  </cols>
  <sheetData>
    <row r="1" spans="1:25" x14ac:dyDescent="0.4">
      <c r="A1" s="3" t="s">
        <v>20</v>
      </c>
      <c r="B1" s="4" t="s">
        <v>21</v>
      </c>
      <c r="C1" s="3" t="s">
        <v>22</v>
      </c>
      <c r="D1" s="4" t="s">
        <v>23</v>
      </c>
      <c r="E1" s="3" t="s">
        <v>24</v>
      </c>
      <c r="F1" s="4" t="s">
        <v>25</v>
      </c>
      <c r="G1" s="3" t="s">
        <v>26</v>
      </c>
      <c r="H1" s="4" t="s">
        <v>27</v>
      </c>
      <c r="I1" s="3" t="s">
        <v>28</v>
      </c>
      <c r="J1" s="4" t="s">
        <v>29</v>
      </c>
      <c r="K1" s="3" t="s">
        <v>30</v>
      </c>
      <c r="L1" s="4" t="s">
        <v>31</v>
      </c>
      <c r="M1" s="3" t="s">
        <v>32</v>
      </c>
      <c r="N1" s="4" t="s">
        <v>33</v>
      </c>
      <c r="O1" s="3" t="s">
        <v>34</v>
      </c>
      <c r="P1" s="4" t="s">
        <v>35</v>
      </c>
      <c r="Q1" s="3" t="s">
        <v>36</v>
      </c>
      <c r="R1" s="4" t="s">
        <v>37</v>
      </c>
      <c r="S1" s="3" t="s">
        <v>38</v>
      </c>
      <c r="T1" s="4" t="s">
        <v>39</v>
      </c>
      <c r="U1" s="3" t="s">
        <v>40</v>
      </c>
      <c r="V1" s="4" t="s">
        <v>41</v>
      </c>
      <c r="W1" s="3" t="s">
        <v>42</v>
      </c>
      <c r="X1" s="4" t="s">
        <v>43</v>
      </c>
      <c r="Y1" s="3" t="s">
        <v>44</v>
      </c>
    </row>
    <row r="2" spans="1:25" x14ac:dyDescent="0.4">
      <c r="A2">
        <v>4</v>
      </c>
      <c r="B2">
        <v>50</v>
      </c>
      <c r="C2" t="s">
        <v>0</v>
      </c>
      <c r="H2" s="1">
        <v>1</v>
      </c>
      <c r="I2">
        <v>0</v>
      </c>
      <c r="S2">
        <v>0</v>
      </c>
      <c r="T2">
        <v>0</v>
      </c>
      <c r="U2" s="1">
        <v>1</v>
      </c>
      <c r="V2" s="1">
        <v>40183.472916666666</v>
      </c>
      <c r="W2">
        <v>0</v>
      </c>
    </row>
    <row r="3" spans="1:25" x14ac:dyDescent="0.4">
      <c r="A3">
        <v>36</v>
      </c>
      <c r="B3">
        <v>34</v>
      </c>
      <c r="C3" t="s">
        <v>1</v>
      </c>
      <c r="H3" s="1">
        <v>1.0416666666666667</v>
      </c>
      <c r="I3">
        <v>0</v>
      </c>
      <c r="J3" s="2" t="s">
        <v>2</v>
      </c>
      <c r="S3">
        <v>0</v>
      </c>
      <c r="T3">
        <v>0</v>
      </c>
      <c r="U3" s="1">
        <v>1</v>
      </c>
      <c r="V3" s="1">
        <v>45033.849305555559</v>
      </c>
      <c r="W3">
        <v>0</v>
      </c>
    </row>
    <row r="4" spans="1:25" x14ac:dyDescent="0.4">
      <c r="A4">
        <v>38</v>
      </c>
      <c r="B4">
        <v>37</v>
      </c>
      <c r="C4" t="s">
        <v>3</v>
      </c>
      <c r="H4" s="1">
        <v>1.0416666666666667</v>
      </c>
      <c r="I4">
        <v>0</v>
      </c>
      <c r="J4" s="2" t="s">
        <v>2</v>
      </c>
      <c r="S4">
        <v>0</v>
      </c>
      <c r="T4">
        <v>0</v>
      </c>
      <c r="U4" s="1">
        <v>1</v>
      </c>
      <c r="V4" s="1">
        <v>45043.204861111109</v>
      </c>
      <c r="W4">
        <v>0</v>
      </c>
    </row>
    <row r="5" spans="1:25" x14ac:dyDescent="0.4">
      <c r="A5">
        <v>39</v>
      </c>
      <c r="B5">
        <v>38</v>
      </c>
      <c r="C5" t="s">
        <v>4</v>
      </c>
      <c r="H5" s="1">
        <v>1.0416666666666667</v>
      </c>
      <c r="I5">
        <v>1</v>
      </c>
      <c r="J5" s="2" t="s">
        <v>2</v>
      </c>
      <c r="S5">
        <v>0</v>
      </c>
      <c r="T5">
        <v>0</v>
      </c>
      <c r="U5" s="1">
        <v>1</v>
      </c>
      <c r="V5" s="1">
        <v>45043.205555555556</v>
      </c>
      <c r="W5">
        <v>0</v>
      </c>
    </row>
    <row r="6" spans="1:25" x14ac:dyDescent="0.4">
      <c r="A6">
        <v>40</v>
      </c>
      <c r="B6">
        <v>39</v>
      </c>
      <c r="C6" t="s">
        <v>5</v>
      </c>
      <c r="H6" s="1">
        <v>1.0416666666666667</v>
      </c>
      <c r="I6">
        <v>1</v>
      </c>
      <c r="J6" s="2" t="s">
        <v>2</v>
      </c>
      <c r="S6">
        <v>0</v>
      </c>
      <c r="T6">
        <v>0</v>
      </c>
      <c r="U6" s="1">
        <v>1</v>
      </c>
      <c r="V6" s="1">
        <v>45043.206250000003</v>
      </c>
      <c r="W6">
        <v>0</v>
      </c>
    </row>
    <row r="7" spans="1:25" x14ac:dyDescent="0.4">
      <c r="A7">
        <v>42</v>
      </c>
      <c r="B7">
        <v>41</v>
      </c>
      <c r="C7" t="s">
        <v>6</v>
      </c>
      <c r="H7" s="1">
        <v>1.0416666666666667</v>
      </c>
      <c r="I7">
        <v>1</v>
      </c>
      <c r="J7" s="2" t="s">
        <v>2</v>
      </c>
      <c r="S7">
        <v>0</v>
      </c>
      <c r="T7">
        <v>0</v>
      </c>
      <c r="U7" s="1">
        <v>1</v>
      </c>
      <c r="V7" s="1">
        <v>45043.207638888889</v>
      </c>
      <c r="W7">
        <v>0</v>
      </c>
    </row>
    <row r="8" spans="1:25" x14ac:dyDescent="0.4">
      <c r="A8">
        <v>43</v>
      </c>
      <c r="B8">
        <v>42</v>
      </c>
      <c r="C8" t="s">
        <v>7</v>
      </c>
      <c r="H8" s="1">
        <v>1.0416666666666667</v>
      </c>
      <c r="I8">
        <v>0</v>
      </c>
      <c r="J8" s="2" t="s">
        <v>2</v>
      </c>
      <c r="S8">
        <v>0</v>
      </c>
      <c r="T8">
        <v>0</v>
      </c>
      <c r="U8" s="1">
        <v>1</v>
      </c>
      <c r="V8" s="1">
        <v>45043.208333333336</v>
      </c>
      <c r="W8">
        <v>0</v>
      </c>
    </row>
    <row r="9" spans="1:25" x14ac:dyDescent="0.4">
      <c r="A9">
        <v>45</v>
      </c>
      <c r="B9">
        <v>44</v>
      </c>
      <c r="C9" t="s">
        <v>8</v>
      </c>
      <c r="H9" s="1">
        <v>1.0416666666666667</v>
      </c>
      <c r="I9">
        <v>0</v>
      </c>
      <c r="J9" s="2" t="s">
        <v>2</v>
      </c>
      <c r="S9">
        <v>0</v>
      </c>
      <c r="T9">
        <v>0</v>
      </c>
      <c r="U9" s="1">
        <v>1</v>
      </c>
      <c r="V9" s="1">
        <v>45069.874305555553</v>
      </c>
      <c r="W9">
        <v>0</v>
      </c>
    </row>
    <row r="10" spans="1:25" x14ac:dyDescent="0.4">
      <c r="A10">
        <v>47</v>
      </c>
      <c r="B10">
        <v>46</v>
      </c>
      <c r="C10" t="s">
        <v>9</v>
      </c>
      <c r="H10" s="1">
        <v>1.0416666666666667</v>
      </c>
      <c r="I10">
        <v>0</v>
      </c>
      <c r="J10" s="2" t="s">
        <v>2</v>
      </c>
      <c r="S10">
        <v>0</v>
      </c>
      <c r="T10">
        <v>0</v>
      </c>
      <c r="U10" s="1">
        <v>1</v>
      </c>
      <c r="V10" s="1">
        <v>45179.045138888891</v>
      </c>
      <c r="W10">
        <v>0</v>
      </c>
    </row>
    <row r="11" spans="1:25" x14ac:dyDescent="0.4">
      <c r="A11">
        <v>48</v>
      </c>
      <c r="B11">
        <v>47</v>
      </c>
      <c r="C11" t="s">
        <v>0</v>
      </c>
      <c r="H11" s="1">
        <v>1</v>
      </c>
      <c r="I11">
        <v>0</v>
      </c>
      <c r="S11">
        <v>0</v>
      </c>
      <c r="T11">
        <v>0</v>
      </c>
      <c r="U11" s="1">
        <v>1</v>
      </c>
      <c r="V11" s="1">
        <v>40183.472916666666</v>
      </c>
      <c r="W11">
        <v>0</v>
      </c>
    </row>
    <row r="12" spans="1:25" x14ac:dyDescent="0.4">
      <c r="A12">
        <v>49</v>
      </c>
      <c r="B12">
        <v>48</v>
      </c>
      <c r="C12" t="s">
        <v>0</v>
      </c>
      <c r="H12" s="1">
        <v>1</v>
      </c>
      <c r="I12">
        <v>0</v>
      </c>
      <c r="S12">
        <v>0</v>
      </c>
      <c r="T12">
        <v>0</v>
      </c>
      <c r="U12" s="1">
        <v>1</v>
      </c>
      <c r="V12" s="1">
        <v>40183.472916666666</v>
      </c>
      <c r="W12">
        <v>0</v>
      </c>
    </row>
    <row r="13" spans="1:25" x14ac:dyDescent="0.4">
      <c r="A13">
        <v>50</v>
      </c>
      <c r="B13">
        <v>49</v>
      </c>
      <c r="C13" t="s">
        <v>0</v>
      </c>
      <c r="H13" s="1">
        <v>1</v>
      </c>
      <c r="I13">
        <v>0</v>
      </c>
      <c r="S13">
        <v>0</v>
      </c>
      <c r="T13">
        <v>0</v>
      </c>
      <c r="U13" s="1">
        <v>1</v>
      </c>
      <c r="V13" s="1">
        <v>40183.472916666666</v>
      </c>
      <c r="W13">
        <v>0</v>
      </c>
    </row>
    <row r="14" spans="1:25" x14ac:dyDescent="0.4">
      <c r="A14">
        <v>51</v>
      </c>
      <c r="B14">
        <v>51</v>
      </c>
      <c r="C14" t="s">
        <v>0</v>
      </c>
      <c r="H14" s="1">
        <v>1</v>
      </c>
      <c r="I14">
        <v>0</v>
      </c>
      <c r="S14">
        <v>0</v>
      </c>
      <c r="T14">
        <v>0</v>
      </c>
      <c r="U14" s="1">
        <v>1</v>
      </c>
      <c r="V14" s="1">
        <v>40332.962500000001</v>
      </c>
      <c r="W14">
        <v>0</v>
      </c>
    </row>
    <row r="15" spans="1:25" x14ac:dyDescent="0.4">
      <c r="A15">
        <v>52</v>
      </c>
      <c r="B15">
        <v>52</v>
      </c>
      <c r="C15">
        <v>52</v>
      </c>
      <c r="H15" s="1">
        <v>1</v>
      </c>
      <c r="I15">
        <v>0</v>
      </c>
      <c r="S15">
        <v>0</v>
      </c>
      <c r="T15">
        <v>0</v>
      </c>
      <c r="U15" s="1">
        <v>1</v>
      </c>
      <c r="V15" s="1">
        <v>40002.714583333334</v>
      </c>
      <c r="W15">
        <v>0</v>
      </c>
    </row>
    <row r="16" spans="1:25" x14ac:dyDescent="0.4">
      <c r="A16">
        <v>53</v>
      </c>
      <c r="B16">
        <v>53</v>
      </c>
      <c r="C16">
        <v>53</v>
      </c>
      <c r="H16" s="1">
        <v>1</v>
      </c>
      <c r="I16">
        <v>0</v>
      </c>
      <c r="S16">
        <v>0</v>
      </c>
      <c r="T16">
        <v>0</v>
      </c>
      <c r="U16" s="1">
        <v>1</v>
      </c>
      <c r="V16" s="1">
        <v>40002.714583333334</v>
      </c>
      <c r="W16">
        <v>0</v>
      </c>
    </row>
    <row r="17" spans="1:23" x14ac:dyDescent="0.4">
      <c r="A17">
        <v>54</v>
      </c>
      <c r="B17">
        <v>54</v>
      </c>
      <c r="C17">
        <v>54</v>
      </c>
      <c r="H17" s="1">
        <v>1</v>
      </c>
      <c r="I17">
        <v>0</v>
      </c>
      <c r="S17">
        <v>0</v>
      </c>
      <c r="T17">
        <v>0</v>
      </c>
      <c r="U17" s="1">
        <v>1</v>
      </c>
      <c r="V17" s="1">
        <v>40002.714583333334</v>
      </c>
      <c r="W17">
        <v>0</v>
      </c>
    </row>
    <row r="18" spans="1:23" x14ac:dyDescent="0.4">
      <c r="A18">
        <v>55</v>
      </c>
      <c r="B18">
        <v>55</v>
      </c>
      <c r="C18">
        <v>55</v>
      </c>
      <c r="H18" s="1">
        <v>1</v>
      </c>
      <c r="I18">
        <v>0</v>
      </c>
      <c r="S18">
        <v>0</v>
      </c>
      <c r="T18">
        <v>0</v>
      </c>
      <c r="U18" s="1">
        <v>1</v>
      </c>
      <c r="V18" s="1">
        <v>40002.714583333334</v>
      </c>
      <c r="W18">
        <v>0</v>
      </c>
    </row>
    <row r="19" spans="1:23" x14ac:dyDescent="0.4">
      <c r="A19">
        <v>56</v>
      </c>
      <c r="B19">
        <v>56</v>
      </c>
      <c r="C19">
        <v>56</v>
      </c>
      <c r="H19" s="1">
        <v>1</v>
      </c>
      <c r="I19">
        <v>0</v>
      </c>
      <c r="S19">
        <v>0</v>
      </c>
      <c r="T19">
        <v>0</v>
      </c>
      <c r="U19" s="1">
        <v>1</v>
      </c>
      <c r="V19" s="1">
        <v>40002.714583333334</v>
      </c>
      <c r="W19">
        <v>0</v>
      </c>
    </row>
    <row r="20" spans="1:23" x14ac:dyDescent="0.4">
      <c r="A20">
        <v>57</v>
      </c>
      <c r="B20">
        <v>57</v>
      </c>
      <c r="C20">
        <v>57</v>
      </c>
      <c r="H20" s="1">
        <v>1</v>
      </c>
      <c r="I20">
        <v>0</v>
      </c>
      <c r="S20">
        <v>0</v>
      </c>
      <c r="T20">
        <v>0</v>
      </c>
      <c r="U20" s="1">
        <v>1</v>
      </c>
      <c r="V20" s="1">
        <v>40002.714583333334</v>
      </c>
      <c r="W20">
        <v>0</v>
      </c>
    </row>
    <row r="21" spans="1:23" x14ac:dyDescent="0.4">
      <c r="A21">
        <v>58</v>
      </c>
      <c r="B21">
        <v>58</v>
      </c>
      <c r="C21">
        <v>58</v>
      </c>
      <c r="H21" s="1">
        <v>1</v>
      </c>
      <c r="I21">
        <v>0</v>
      </c>
      <c r="S21">
        <v>0</v>
      </c>
      <c r="T21">
        <v>0</v>
      </c>
      <c r="U21" s="1">
        <v>1</v>
      </c>
      <c r="V21" s="1">
        <v>40002.714583333334</v>
      </c>
      <c r="W21">
        <v>0</v>
      </c>
    </row>
    <row r="22" spans="1:23" x14ac:dyDescent="0.4">
      <c r="A22">
        <v>59</v>
      </c>
      <c r="B22">
        <v>59</v>
      </c>
      <c r="C22">
        <v>59</v>
      </c>
      <c r="H22" s="1">
        <v>1</v>
      </c>
      <c r="I22">
        <v>0</v>
      </c>
      <c r="S22">
        <v>0</v>
      </c>
      <c r="T22">
        <v>0</v>
      </c>
      <c r="U22" s="1">
        <v>1</v>
      </c>
      <c r="V22" s="1">
        <v>40002.714583333334</v>
      </c>
      <c r="W22">
        <v>0</v>
      </c>
    </row>
    <row r="23" spans="1:23" x14ac:dyDescent="0.4">
      <c r="A23">
        <v>60</v>
      </c>
      <c r="B23">
        <v>60</v>
      </c>
      <c r="C23">
        <v>60</v>
      </c>
      <c r="H23" s="1">
        <v>1</v>
      </c>
      <c r="I23">
        <v>0</v>
      </c>
      <c r="S23">
        <v>0</v>
      </c>
      <c r="T23">
        <v>0</v>
      </c>
      <c r="U23" s="1">
        <v>1</v>
      </c>
      <c r="V23" s="1">
        <v>40002.714583333334</v>
      </c>
      <c r="W23">
        <v>0</v>
      </c>
    </row>
    <row r="24" spans="1:23" x14ac:dyDescent="0.4">
      <c r="A24">
        <v>61</v>
      </c>
      <c r="B24">
        <v>61</v>
      </c>
      <c r="C24">
        <v>61</v>
      </c>
      <c r="H24" s="1">
        <v>1</v>
      </c>
      <c r="I24">
        <v>0</v>
      </c>
      <c r="S24">
        <v>0</v>
      </c>
      <c r="T24">
        <v>0</v>
      </c>
      <c r="U24" s="1">
        <v>1</v>
      </c>
      <c r="V24" s="1">
        <v>40002.714583333334</v>
      </c>
      <c r="W24">
        <v>0</v>
      </c>
    </row>
    <row r="25" spans="1:23" x14ac:dyDescent="0.4">
      <c r="A25">
        <v>62</v>
      </c>
      <c r="B25">
        <v>100</v>
      </c>
      <c r="C25">
        <v>100</v>
      </c>
      <c r="H25" s="1">
        <v>1</v>
      </c>
      <c r="I25">
        <v>0</v>
      </c>
      <c r="S25">
        <v>0</v>
      </c>
      <c r="T25">
        <v>0</v>
      </c>
      <c r="U25" s="1">
        <v>1</v>
      </c>
      <c r="V25" s="1">
        <v>40002.715277777781</v>
      </c>
      <c r="W25">
        <v>0</v>
      </c>
    </row>
    <row r="26" spans="1:23" x14ac:dyDescent="0.4">
      <c r="A26">
        <v>74</v>
      </c>
      <c r="B26">
        <v>32</v>
      </c>
      <c r="C26" t="s">
        <v>10</v>
      </c>
      <c r="H26" s="1">
        <v>1.0416666666666667</v>
      </c>
      <c r="I26">
        <v>1</v>
      </c>
      <c r="J26" s="2" t="s">
        <v>2</v>
      </c>
      <c r="S26">
        <v>0</v>
      </c>
      <c r="T26">
        <v>0</v>
      </c>
      <c r="U26" s="1">
        <v>1</v>
      </c>
      <c r="V26" s="1">
        <v>45033.848611111112</v>
      </c>
      <c r="W26">
        <v>0</v>
      </c>
    </row>
    <row r="27" spans="1:23" x14ac:dyDescent="0.4">
      <c r="A27">
        <v>91</v>
      </c>
      <c r="B27">
        <v>10</v>
      </c>
      <c r="H27" s="1">
        <v>1.0416666666666667</v>
      </c>
      <c r="I27">
        <v>0</v>
      </c>
      <c r="J27" s="2" t="s">
        <v>2</v>
      </c>
      <c r="S27">
        <v>0</v>
      </c>
      <c r="T27">
        <v>0</v>
      </c>
      <c r="U27" s="1">
        <v>1</v>
      </c>
      <c r="V27" s="1">
        <v>44583.811805555553</v>
      </c>
      <c r="W27">
        <v>0</v>
      </c>
    </row>
    <row r="28" spans="1:23" x14ac:dyDescent="0.4">
      <c r="A28">
        <v>94</v>
      </c>
      <c r="B28">
        <v>3</v>
      </c>
      <c r="H28" s="1">
        <v>1.0416666666666667</v>
      </c>
      <c r="I28">
        <v>0</v>
      </c>
      <c r="J28" s="2" t="s">
        <v>2</v>
      </c>
      <c r="S28">
        <v>0</v>
      </c>
      <c r="T28">
        <v>0</v>
      </c>
      <c r="U28" s="1">
        <v>1</v>
      </c>
      <c r="V28" s="1">
        <v>44059.568055555559</v>
      </c>
      <c r="W28">
        <v>0</v>
      </c>
    </row>
    <row r="29" spans="1:23" x14ac:dyDescent="0.4">
      <c r="A29">
        <v>95</v>
      </c>
      <c r="B29">
        <v>4</v>
      </c>
      <c r="C29" t="s">
        <v>11</v>
      </c>
      <c r="H29" s="1">
        <v>1.0416666666666667</v>
      </c>
      <c r="I29">
        <v>0</v>
      </c>
      <c r="J29" s="2" t="s">
        <v>2</v>
      </c>
      <c r="S29">
        <v>0</v>
      </c>
      <c r="T29">
        <v>0</v>
      </c>
      <c r="U29" s="1">
        <v>1</v>
      </c>
      <c r="V29" s="1">
        <v>43783.216666666667</v>
      </c>
      <c r="W29">
        <v>0</v>
      </c>
    </row>
    <row r="30" spans="1:23" x14ac:dyDescent="0.4">
      <c r="A30">
        <v>104</v>
      </c>
      <c r="B30">
        <v>20</v>
      </c>
      <c r="C30" t="s">
        <v>12</v>
      </c>
      <c r="H30" s="1">
        <v>1.0416666666666667</v>
      </c>
      <c r="I30">
        <v>0</v>
      </c>
      <c r="J30" s="2" t="s">
        <v>2</v>
      </c>
      <c r="S30">
        <v>0</v>
      </c>
      <c r="T30">
        <v>0</v>
      </c>
      <c r="U30" s="1">
        <v>1</v>
      </c>
      <c r="V30" s="1">
        <v>44594.526388888888</v>
      </c>
      <c r="W30">
        <v>0</v>
      </c>
    </row>
    <row r="31" spans="1:23" x14ac:dyDescent="0.4">
      <c r="A31">
        <v>110</v>
      </c>
      <c r="B31">
        <v>27</v>
      </c>
      <c r="C31" t="s">
        <v>13</v>
      </c>
      <c r="H31" s="1">
        <v>1.0416666666666667</v>
      </c>
      <c r="I31">
        <v>0</v>
      </c>
      <c r="J31" s="2" t="s">
        <v>2</v>
      </c>
      <c r="S31">
        <v>0</v>
      </c>
      <c r="T31">
        <v>0</v>
      </c>
      <c r="U31" s="1">
        <v>1</v>
      </c>
      <c r="V31" s="1">
        <v>44987.916666666664</v>
      </c>
      <c r="W31">
        <v>0</v>
      </c>
    </row>
    <row r="32" spans="1:23" x14ac:dyDescent="0.4">
      <c r="A32">
        <v>112</v>
      </c>
      <c r="B32">
        <v>31</v>
      </c>
      <c r="C32" t="s">
        <v>14</v>
      </c>
      <c r="H32" s="1">
        <v>1.0416666666666667</v>
      </c>
      <c r="I32">
        <v>1</v>
      </c>
      <c r="J32" s="2" t="s">
        <v>2</v>
      </c>
      <c r="S32">
        <v>0</v>
      </c>
      <c r="T32">
        <v>0</v>
      </c>
      <c r="U32" s="1">
        <v>1</v>
      </c>
      <c r="V32" s="1">
        <v>45015.986805555556</v>
      </c>
      <c r="W32">
        <v>0</v>
      </c>
    </row>
    <row r="33" spans="1:23" x14ac:dyDescent="0.4">
      <c r="A33">
        <v>113</v>
      </c>
      <c r="B33">
        <v>36</v>
      </c>
      <c r="C33" t="s">
        <v>15</v>
      </c>
      <c r="H33" s="1">
        <v>1.0416666666666667</v>
      </c>
      <c r="I33">
        <v>0</v>
      </c>
      <c r="J33" s="2" t="s">
        <v>2</v>
      </c>
      <c r="S33">
        <v>0</v>
      </c>
      <c r="T33">
        <v>0</v>
      </c>
      <c r="U33" s="1">
        <v>1</v>
      </c>
      <c r="V33" s="1">
        <v>45033.955555555556</v>
      </c>
      <c r="W33">
        <v>0</v>
      </c>
    </row>
    <row r="34" spans="1:23" x14ac:dyDescent="0.4">
      <c r="A34">
        <v>115</v>
      </c>
      <c r="B34">
        <v>22</v>
      </c>
      <c r="C34" t="s">
        <v>16</v>
      </c>
      <c r="H34" s="1">
        <v>1.0416666666666667</v>
      </c>
      <c r="I34">
        <v>0</v>
      </c>
      <c r="J34" s="2" t="s">
        <v>2</v>
      </c>
      <c r="S34">
        <v>0</v>
      </c>
      <c r="T34">
        <v>0</v>
      </c>
      <c r="U34" s="1">
        <v>1</v>
      </c>
      <c r="V34" s="1">
        <v>44483.506944444445</v>
      </c>
      <c r="W34">
        <v>0</v>
      </c>
    </row>
    <row r="35" spans="1:23" x14ac:dyDescent="0.4">
      <c r="A35">
        <v>116</v>
      </c>
      <c r="B35">
        <v>23</v>
      </c>
      <c r="C35" t="s">
        <v>17</v>
      </c>
      <c r="H35" s="1">
        <v>1.0416666666666667</v>
      </c>
      <c r="I35">
        <v>0</v>
      </c>
      <c r="J35" s="2" t="s">
        <v>2</v>
      </c>
      <c r="S35">
        <v>0</v>
      </c>
      <c r="T35">
        <v>0</v>
      </c>
      <c r="U35" s="1">
        <v>1</v>
      </c>
      <c r="V35" s="1">
        <v>44987.916666666664</v>
      </c>
      <c r="W35">
        <v>0</v>
      </c>
    </row>
    <row r="36" spans="1:23" x14ac:dyDescent="0.4">
      <c r="A36">
        <v>118</v>
      </c>
      <c r="B36">
        <v>25</v>
      </c>
      <c r="C36" t="s">
        <v>18</v>
      </c>
      <c r="H36" s="1">
        <v>1.0416666666666667</v>
      </c>
      <c r="I36">
        <v>1</v>
      </c>
      <c r="J36" s="2" t="s">
        <v>2</v>
      </c>
      <c r="S36">
        <v>0</v>
      </c>
      <c r="T36">
        <v>0</v>
      </c>
      <c r="U36" s="1">
        <v>1</v>
      </c>
      <c r="V36" s="1">
        <v>44576.431944444441</v>
      </c>
      <c r="W36">
        <v>0</v>
      </c>
    </row>
    <row r="37" spans="1:23" x14ac:dyDescent="0.4">
      <c r="A37">
        <v>120</v>
      </c>
      <c r="B37">
        <v>1</v>
      </c>
      <c r="C37" t="s">
        <v>19</v>
      </c>
      <c r="H37" s="1">
        <v>1.0416666666666667</v>
      </c>
      <c r="I37">
        <v>0</v>
      </c>
      <c r="J37" s="2" t="s">
        <v>2</v>
      </c>
      <c r="S37">
        <v>0</v>
      </c>
      <c r="T37">
        <v>0</v>
      </c>
      <c r="U37" s="1">
        <v>1</v>
      </c>
      <c r="V37" s="1">
        <v>45031.803472222222</v>
      </c>
      <c r="W37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51"/>
  <sheetViews>
    <sheetView tabSelected="1" workbookViewId="0">
      <selection sqref="A1:J133"/>
    </sheetView>
  </sheetViews>
  <sheetFormatPr defaultRowHeight="18.75" x14ac:dyDescent="0.4"/>
  <sheetData>
    <row r="1" spans="1:6" x14ac:dyDescent="0.4">
      <c r="A1" t="s">
        <v>45</v>
      </c>
      <c r="B1" t="s">
        <v>46</v>
      </c>
      <c r="C1" t="s">
        <v>47</v>
      </c>
      <c r="D1" t="s">
        <v>48</v>
      </c>
      <c r="E1" t="s">
        <v>49</v>
      </c>
      <c r="F1" t="s">
        <v>50</v>
      </c>
    </row>
    <row r="2" spans="1:6" x14ac:dyDescent="0.4">
      <c r="A2">
        <v>1</v>
      </c>
      <c r="B2" s="5" t="s">
        <v>51</v>
      </c>
      <c r="C2">
        <v>12</v>
      </c>
      <c r="D2" s="5"/>
      <c r="F2" s="5"/>
    </row>
    <row r="3" spans="1:6" x14ac:dyDescent="0.4">
      <c r="A3">
        <v>2</v>
      </c>
      <c r="B3" s="5" t="s">
        <v>51</v>
      </c>
      <c r="C3">
        <v>15</v>
      </c>
      <c r="D3" s="5" t="s">
        <v>52</v>
      </c>
      <c r="F3" s="5"/>
    </row>
    <row r="4" spans="1:6" x14ac:dyDescent="0.4">
      <c r="A4">
        <v>3</v>
      </c>
      <c r="B4" s="5" t="s">
        <v>51</v>
      </c>
      <c r="C4">
        <v>15</v>
      </c>
      <c r="D4" s="5" t="s">
        <v>52</v>
      </c>
      <c r="F4" s="5"/>
    </row>
    <row r="5" spans="1:6" x14ac:dyDescent="0.4">
      <c r="A5">
        <v>4</v>
      </c>
      <c r="B5" s="5" t="s">
        <v>51</v>
      </c>
      <c r="C5">
        <v>15</v>
      </c>
      <c r="D5" s="5" t="s">
        <v>52</v>
      </c>
      <c r="F5" s="5"/>
    </row>
    <row r="6" spans="1:6" x14ac:dyDescent="0.4">
      <c r="A6">
        <v>5</v>
      </c>
      <c r="B6" s="5" t="s">
        <v>51</v>
      </c>
      <c r="C6">
        <v>15</v>
      </c>
      <c r="D6" s="5" t="s">
        <v>52</v>
      </c>
      <c r="F6" s="5"/>
    </row>
    <row r="7" spans="1:6" x14ac:dyDescent="0.4">
      <c r="A7">
        <v>6</v>
      </c>
      <c r="B7" s="5" t="s">
        <v>51</v>
      </c>
      <c r="C7">
        <v>15</v>
      </c>
      <c r="D7" s="5" t="s">
        <v>52</v>
      </c>
      <c r="F7" s="5"/>
    </row>
    <row r="8" spans="1:6" x14ac:dyDescent="0.4">
      <c r="A8">
        <v>7</v>
      </c>
      <c r="B8" s="5" t="s">
        <v>51</v>
      </c>
      <c r="C8">
        <v>20</v>
      </c>
      <c r="D8" s="5" t="s">
        <v>52</v>
      </c>
      <c r="F8" s="5"/>
    </row>
    <row r="9" spans="1:6" x14ac:dyDescent="0.4">
      <c r="A9">
        <v>8</v>
      </c>
      <c r="B9" s="5" t="s">
        <v>51</v>
      </c>
      <c r="C9">
        <v>24</v>
      </c>
      <c r="D9" s="5"/>
      <c r="F9" s="5"/>
    </row>
    <row r="10" spans="1:6" x14ac:dyDescent="0.4">
      <c r="A10">
        <v>9</v>
      </c>
      <c r="B10" s="5" t="s">
        <v>51</v>
      </c>
      <c r="C10">
        <v>12</v>
      </c>
      <c r="D10" s="5"/>
      <c r="F10" s="5"/>
    </row>
    <row r="11" spans="1:6" x14ac:dyDescent="0.4">
      <c r="A11">
        <v>10</v>
      </c>
      <c r="B11" s="5" t="s">
        <v>51</v>
      </c>
      <c r="C11">
        <v>10</v>
      </c>
      <c r="D11" s="5" t="s">
        <v>52</v>
      </c>
      <c r="F11" s="5"/>
    </row>
    <row r="12" spans="1:6" x14ac:dyDescent="0.4">
      <c r="A12">
        <v>11</v>
      </c>
      <c r="B12" s="5" t="s">
        <v>51</v>
      </c>
      <c r="C12">
        <v>8</v>
      </c>
      <c r="D12" s="5" t="s">
        <v>52</v>
      </c>
      <c r="F12" s="5"/>
    </row>
    <row r="13" spans="1:6" x14ac:dyDescent="0.4">
      <c r="A13">
        <v>12</v>
      </c>
      <c r="B13" s="5" t="s">
        <v>51</v>
      </c>
      <c r="C13">
        <v>50</v>
      </c>
      <c r="D13" s="5" t="s">
        <v>52</v>
      </c>
      <c r="F13" s="5"/>
    </row>
    <row r="14" spans="1:6" x14ac:dyDescent="0.4">
      <c r="A14">
        <v>13</v>
      </c>
      <c r="B14" s="5" t="s">
        <v>51</v>
      </c>
      <c r="C14">
        <v>50</v>
      </c>
      <c r="D14" s="5" t="s">
        <v>52</v>
      </c>
      <c r="F14" s="5"/>
    </row>
    <row r="15" spans="1:6" x14ac:dyDescent="0.4">
      <c r="A15">
        <v>14</v>
      </c>
      <c r="B15" s="5" t="s">
        <v>51</v>
      </c>
      <c r="C15">
        <v>20</v>
      </c>
      <c r="D15" s="5" t="s">
        <v>52</v>
      </c>
      <c r="F15" s="5"/>
    </row>
    <row r="16" spans="1:6" x14ac:dyDescent="0.4">
      <c r="A16">
        <v>15</v>
      </c>
      <c r="B16" s="5" t="s">
        <v>51</v>
      </c>
      <c r="C16">
        <v>20</v>
      </c>
      <c r="D16" s="5" t="s">
        <v>52</v>
      </c>
      <c r="F16" s="5"/>
    </row>
    <row r="17" spans="1:6" x14ac:dyDescent="0.4">
      <c r="A17">
        <v>16</v>
      </c>
      <c r="B17" s="5" t="s">
        <v>51</v>
      </c>
      <c r="C17">
        <v>50</v>
      </c>
      <c r="D17" s="5" t="s">
        <v>52</v>
      </c>
      <c r="F17" s="5"/>
    </row>
    <row r="18" spans="1:6" x14ac:dyDescent="0.4">
      <c r="A18">
        <v>17</v>
      </c>
      <c r="B18" s="5" t="s">
        <v>51</v>
      </c>
      <c r="C18">
        <v>50</v>
      </c>
      <c r="D18" s="5" t="s">
        <v>52</v>
      </c>
      <c r="F18" s="5"/>
    </row>
    <row r="19" spans="1:6" x14ac:dyDescent="0.4">
      <c r="A19">
        <v>18</v>
      </c>
      <c r="B19" s="5" t="s">
        <v>51</v>
      </c>
      <c r="C19">
        <v>20</v>
      </c>
      <c r="D19" s="5" t="s">
        <v>52</v>
      </c>
      <c r="F19" s="5"/>
    </row>
    <row r="20" spans="1:6" x14ac:dyDescent="0.4">
      <c r="A20">
        <v>19</v>
      </c>
      <c r="B20" s="5" t="s">
        <v>51</v>
      </c>
      <c r="C20">
        <v>12</v>
      </c>
      <c r="D20" s="5"/>
      <c r="F20" s="5"/>
    </row>
    <row r="21" spans="1:6" x14ac:dyDescent="0.4">
      <c r="A21">
        <v>20</v>
      </c>
      <c r="B21" s="5" t="s">
        <v>51</v>
      </c>
      <c r="C21">
        <v>12</v>
      </c>
      <c r="D21" s="5"/>
      <c r="F21" s="5"/>
    </row>
    <row r="22" spans="1:6" x14ac:dyDescent="0.4">
      <c r="A22">
        <v>21</v>
      </c>
      <c r="B22" s="5" t="s">
        <v>51</v>
      </c>
      <c r="C22">
        <v>24</v>
      </c>
      <c r="D22" s="5"/>
      <c r="F22" s="5"/>
    </row>
    <row r="23" spans="1:6" x14ac:dyDescent="0.4">
      <c r="A23">
        <v>22</v>
      </c>
      <c r="B23" s="5" t="s">
        <v>51</v>
      </c>
      <c r="C23">
        <v>24</v>
      </c>
      <c r="D23" s="5"/>
      <c r="F23" s="5"/>
    </row>
    <row r="24" spans="1:6" x14ac:dyDescent="0.4">
      <c r="A24">
        <v>23</v>
      </c>
      <c r="B24" s="5" t="s">
        <v>51</v>
      </c>
      <c r="C24">
        <v>12</v>
      </c>
      <c r="D24" s="5"/>
      <c r="F24" s="5"/>
    </row>
    <row r="25" spans="1:6" x14ac:dyDescent="0.4">
      <c r="A25">
        <v>24</v>
      </c>
      <c r="B25" s="5" t="s">
        <v>51</v>
      </c>
      <c r="C25">
        <v>24</v>
      </c>
      <c r="D25" s="5"/>
      <c r="F25" s="5"/>
    </row>
    <row r="26" spans="1:6" x14ac:dyDescent="0.4">
      <c r="A26">
        <v>25</v>
      </c>
      <c r="B26" s="5" t="s">
        <v>53</v>
      </c>
      <c r="C26">
        <v>24</v>
      </c>
      <c r="D26" s="5"/>
      <c r="F26" s="5"/>
    </row>
    <row r="27" spans="1:6" x14ac:dyDescent="0.4">
      <c r="B27" s="5"/>
      <c r="D27" s="5"/>
      <c r="E27">
        <v>1</v>
      </c>
      <c r="F27" s="5" t="s">
        <v>20</v>
      </c>
    </row>
    <row r="28" spans="1:6" x14ac:dyDescent="0.4">
      <c r="B28" s="5"/>
      <c r="D28" s="5"/>
      <c r="E28">
        <v>2</v>
      </c>
      <c r="F28" s="5" t="s">
        <v>21</v>
      </c>
    </row>
    <row r="29" spans="1:6" x14ac:dyDescent="0.4">
      <c r="B29" s="5"/>
      <c r="D29" s="5"/>
      <c r="E29">
        <v>3</v>
      </c>
      <c r="F29" s="5" t="s">
        <v>22</v>
      </c>
    </row>
    <row r="30" spans="1:6" x14ac:dyDescent="0.4">
      <c r="B30" s="5"/>
      <c r="D30" s="5"/>
      <c r="E30">
        <v>4</v>
      </c>
      <c r="F30" s="5" t="s">
        <v>23</v>
      </c>
    </row>
    <row r="31" spans="1:6" x14ac:dyDescent="0.4">
      <c r="B31" s="5"/>
      <c r="D31" s="5"/>
      <c r="E31">
        <v>5</v>
      </c>
      <c r="F31" s="5" t="s">
        <v>24</v>
      </c>
    </row>
    <row r="32" spans="1:6" x14ac:dyDescent="0.4">
      <c r="B32" s="5"/>
      <c r="D32" s="5"/>
      <c r="E32">
        <v>6</v>
      </c>
      <c r="F32" s="5" t="s">
        <v>25</v>
      </c>
    </row>
    <row r="33" spans="2:6" x14ac:dyDescent="0.4">
      <c r="B33" s="5"/>
      <c r="D33" s="5"/>
      <c r="E33">
        <v>7</v>
      </c>
      <c r="F33" s="5" t="s">
        <v>26</v>
      </c>
    </row>
    <row r="34" spans="2:6" x14ac:dyDescent="0.4">
      <c r="B34" s="5"/>
      <c r="D34" s="5"/>
      <c r="E34">
        <v>8</v>
      </c>
      <c r="F34" s="5" t="s">
        <v>27</v>
      </c>
    </row>
    <row r="35" spans="2:6" x14ac:dyDescent="0.4">
      <c r="B35" s="5"/>
      <c r="D35" s="5"/>
      <c r="E35">
        <v>9</v>
      </c>
      <c r="F35" s="5" t="s">
        <v>28</v>
      </c>
    </row>
    <row r="36" spans="2:6" x14ac:dyDescent="0.4">
      <c r="B36" s="5"/>
      <c r="D36" s="5"/>
      <c r="E36">
        <v>10</v>
      </c>
      <c r="F36" s="5" t="s">
        <v>29</v>
      </c>
    </row>
    <row r="37" spans="2:6" x14ac:dyDescent="0.4">
      <c r="B37" s="5"/>
      <c r="D37" s="5"/>
      <c r="E37">
        <v>11</v>
      </c>
      <c r="F37" s="5" t="s">
        <v>30</v>
      </c>
    </row>
    <row r="38" spans="2:6" x14ac:dyDescent="0.4">
      <c r="B38" s="5"/>
      <c r="D38" s="5"/>
      <c r="E38">
        <v>12</v>
      </c>
      <c r="F38" s="5" t="s">
        <v>31</v>
      </c>
    </row>
    <row r="39" spans="2:6" x14ac:dyDescent="0.4">
      <c r="B39" s="5"/>
      <c r="D39" s="5"/>
      <c r="E39">
        <v>13</v>
      </c>
      <c r="F39" s="5" t="s">
        <v>32</v>
      </c>
    </row>
    <row r="40" spans="2:6" x14ac:dyDescent="0.4">
      <c r="B40" s="5"/>
      <c r="D40" s="5"/>
      <c r="E40">
        <v>14</v>
      </c>
      <c r="F40" s="5" t="s">
        <v>33</v>
      </c>
    </row>
    <row r="41" spans="2:6" x14ac:dyDescent="0.4">
      <c r="B41" s="5"/>
      <c r="D41" s="5"/>
      <c r="E41">
        <v>15</v>
      </c>
      <c r="F41" s="5" t="s">
        <v>34</v>
      </c>
    </row>
    <row r="42" spans="2:6" x14ac:dyDescent="0.4">
      <c r="B42" s="5"/>
      <c r="D42" s="5"/>
      <c r="E42">
        <v>16</v>
      </c>
      <c r="F42" s="5" t="s">
        <v>35</v>
      </c>
    </row>
    <row r="43" spans="2:6" x14ac:dyDescent="0.4">
      <c r="B43" s="5"/>
      <c r="D43" s="5"/>
      <c r="E43">
        <v>17</v>
      </c>
      <c r="F43" s="5" t="s">
        <v>36</v>
      </c>
    </row>
    <row r="44" spans="2:6" x14ac:dyDescent="0.4">
      <c r="B44" s="5"/>
      <c r="D44" s="5"/>
      <c r="E44">
        <v>18</v>
      </c>
      <c r="F44" s="5" t="s">
        <v>37</v>
      </c>
    </row>
    <row r="45" spans="2:6" x14ac:dyDescent="0.4">
      <c r="B45" s="5"/>
      <c r="D45" s="5"/>
      <c r="E45">
        <v>19</v>
      </c>
      <c r="F45" s="5" t="s">
        <v>38</v>
      </c>
    </row>
    <row r="46" spans="2:6" x14ac:dyDescent="0.4">
      <c r="B46" s="5"/>
      <c r="D46" s="5"/>
      <c r="E46">
        <v>20</v>
      </c>
      <c r="F46" s="5" t="s">
        <v>39</v>
      </c>
    </row>
    <row r="47" spans="2:6" x14ac:dyDescent="0.4">
      <c r="B47" s="5"/>
      <c r="D47" s="5"/>
      <c r="E47">
        <v>21</v>
      </c>
      <c r="F47" s="5" t="s">
        <v>40</v>
      </c>
    </row>
    <row r="48" spans="2:6" x14ac:dyDescent="0.4">
      <c r="B48" s="5"/>
      <c r="D48" s="5"/>
      <c r="E48">
        <v>22</v>
      </c>
      <c r="F48" s="5" t="s">
        <v>41</v>
      </c>
    </row>
    <row r="49" spans="2:6" x14ac:dyDescent="0.4">
      <c r="B49" s="5"/>
      <c r="D49" s="5"/>
      <c r="E49">
        <v>23</v>
      </c>
      <c r="F49" s="5" t="s">
        <v>42</v>
      </c>
    </row>
    <row r="50" spans="2:6" x14ac:dyDescent="0.4">
      <c r="B50" s="5"/>
      <c r="D50" s="5"/>
      <c r="E50">
        <v>24</v>
      </c>
      <c r="F50" s="5" t="s">
        <v>43</v>
      </c>
    </row>
    <row r="51" spans="2:6" x14ac:dyDescent="0.4">
      <c r="B51" s="5"/>
      <c r="D51" s="5"/>
      <c r="E51">
        <v>25</v>
      </c>
      <c r="F51" s="5" t="s">
        <v>44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Employee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3:17:45Z</dcterms:created>
  <dcterms:modified xsi:type="dcterms:W3CDTF">2024-02-29T06:13:07Z</dcterms:modified>
</cp:coreProperties>
</file>